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3753266\RMIT-C\web3j\PowerData\Western Australia\"/>
    </mc:Choice>
  </mc:AlternateContent>
  <xr:revisionPtr revIDLastSave="0" documentId="13_ncr:1_{C583E6F2-9246-4429-8C96-D68DDDBC2C41}" xr6:coauthVersionLast="36" xr6:coauthVersionMax="36" xr10:uidLastSave="{00000000-0000-0000-0000-000000000000}"/>
  <bookViews>
    <workbookView xWindow="0" yWindow="0" windowWidth="28800" windowHeight="12225" xr2:uid="{BA46E197-08A1-4430-9D98-E9AB1F78CCAB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1189491" uniqueCount="30">
  <si>
    <t>Trading Date</t>
  </si>
  <si>
    <t>Interval Number</t>
  </si>
  <si>
    <t>Trading Interval</t>
  </si>
  <si>
    <t>Participant Code</t>
  </si>
  <si>
    <t>Bid or Offer</t>
  </si>
  <si>
    <t>Price ($/MWh)</t>
  </si>
  <si>
    <t>Quantity (MWh)</t>
  </si>
  <si>
    <t>ALCOA</t>
  </si>
  <si>
    <t>Offer</t>
  </si>
  <si>
    <t>ALINTA</t>
  </si>
  <si>
    <t>AMENERGY</t>
  </si>
  <si>
    <t>ERMPOWER</t>
  </si>
  <si>
    <t>GLDFLDPW</t>
  </si>
  <si>
    <t>GRIFFIN2</t>
  </si>
  <si>
    <t>GRIFFINP</t>
  </si>
  <si>
    <t>KARARA</t>
  </si>
  <si>
    <t>LNDFLLGP</t>
  </si>
  <si>
    <t>MERREDIN</t>
  </si>
  <si>
    <t>MPOWER</t>
  </si>
  <si>
    <t>NEWGEN</t>
  </si>
  <si>
    <t>NGENEERP</t>
  </si>
  <si>
    <t>PERTHNRGY</t>
  </si>
  <si>
    <t>STHRNCRS</t>
  </si>
  <si>
    <t>TIWEST</t>
  </si>
  <si>
    <t>TSLA_GER</t>
  </si>
  <si>
    <t>TSLA_KEM</t>
  </si>
  <si>
    <t>TSLA_MGT</t>
  </si>
  <si>
    <t>TSLA_NOR</t>
  </si>
  <si>
    <t>WENERGY</t>
  </si>
  <si>
    <t>WPGEN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14" fontId="0" fillId="0" borderId="0" xfId="0" applyNumberFormat="1"/>
    <xf numFmtId="22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har Abdella</dc:creator>
  <cp:lastModifiedBy>Juhar Abdella</cp:lastModifiedBy>
  <dcterms:created xsi:type="dcterms:W3CDTF">2020-03-11T01:24:24Z</dcterms:created>
  <dcterms:modified xsi:type="dcterms:W3CDTF">2020-03-11T04:02:03Z</dcterms:modified>
</cp:coreProperties>
</file>